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fguser\user$\s002756\Documents\Excel\"/>
    </mc:Choice>
  </mc:AlternateContent>
  <bookViews>
    <workbookView xWindow="0" yWindow="0" windowWidth="23040" windowHeight="9972" activeTab="1"/>
  </bookViews>
  <sheets>
    <sheet name="Miles" sheetId="2" r:id="rId1"/>
    <sheet name="Kilometers" sheetId="3" r:id="rId2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6" uniqueCount="42">
  <si>
    <t>Landmark</t>
  </si>
  <si>
    <t>Timberline Lodge</t>
  </si>
  <si>
    <t>Exit the PCT begin Tr.#600</t>
  </si>
  <si>
    <t>Cross the White River</t>
  </si>
  <si>
    <t>Cross Clark Creek</t>
  </si>
  <si>
    <t>Cloud Cap Camp</t>
  </si>
  <si>
    <t>Cairn Basin Shelter</t>
  </si>
  <si>
    <t>Cross McGee Creek</t>
  </si>
  <si>
    <t>Muddy Fork Crossing</t>
  </si>
  <si>
    <t>Ramona Falls</t>
  </si>
  <si>
    <t>Cross Zig Zag River</t>
  </si>
  <si>
    <t>Begin/Finish Timberline Trail</t>
  </si>
  <si>
    <t>Wy-East Lodge</t>
  </si>
  <si>
    <t>+0.1</t>
  </si>
  <si>
    <t>Jct Vista Ridge Tr.#626 - Wy'East Basin</t>
  </si>
  <si>
    <t>Cross Eliot Creek</t>
  </si>
  <si>
    <t>Cooper Spur Shelter</t>
  </si>
  <si>
    <t>Cross Lamberson Spur</t>
  </si>
  <si>
    <t>Elk Meadows Shelter</t>
  </si>
  <si>
    <t>Elevation (meters)</t>
  </si>
  <si>
    <t>Elevation (feet)</t>
  </si>
  <si>
    <t>CCW (km)</t>
  </si>
  <si>
    <t>CCW w/Paradise Park (km)</t>
  </si>
  <si>
    <t>CW (km)</t>
  </si>
  <si>
    <t>CCW (miles)</t>
  </si>
  <si>
    <t>CCW w/Paradise Park (miles)</t>
  </si>
  <si>
    <t>CW (miles)</t>
  </si>
  <si>
    <t>CW w/Paradise Park (miles)</t>
  </si>
  <si>
    <t>+0.2</t>
  </si>
  <si>
    <t>Jct Bald Mountain Trail</t>
  </si>
  <si>
    <t>Following the Timberline Trail and not using the Cutoff Trail</t>
  </si>
  <si>
    <t>Side Trip to Elk Meadows</t>
  </si>
  <si>
    <t>CW w/Paradise Park (km)</t>
  </si>
  <si>
    <t>Jct Elk Cove Tr.#631</t>
  </si>
  <si>
    <t>Jct Hidden Lake Trail #779</t>
  </si>
  <si>
    <t>S. Jct Paradise Park Loop Tr.#757</t>
  </si>
  <si>
    <t>Jct Paradise Park Tr.#778</t>
  </si>
  <si>
    <t>N. Jct Paradise Park Loop Tr.#757</t>
  </si>
  <si>
    <t>Jct Cutoff Trail and PCT</t>
  </si>
  <si>
    <t>Jct Gnarl Ridge Tr.#652</t>
  </si>
  <si>
    <t>Jct Newton Creek Tr.#646</t>
  </si>
  <si>
    <t>Jct Umbrella Falls Tr.#66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0.0"/>
  </numFmts>
  <fonts count="2" x14ac:knownFonts="1">
    <font>
      <sz val="11"/>
      <color theme="1"/>
      <name val="Calibri"/>
      <family val="2"/>
      <scheme val="minor"/>
    </font>
    <font>
      <sz val="11"/>
      <color theme="1"/>
      <name val="Times New Roman"/>
      <family val="1"/>
    </font>
  </fonts>
  <fills count="5">
    <fill>
      <patternFill patternType="none"/>
    </fill>
    <fill>
      <patternFill patternType="gray125"/>
    </fill>
    <fill>
      <patternFill patternType="solid">
        <fgColor rgb="FF9DBFB6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1">
    <xf numFmtId="0" fontId="0" fillId="0" borderId="0"/>
  </cellStyleXfs>
  <cellXfs count="13">
    <xf numFmtId="0" fontId="0" fillId="0" borderId="0" xfId="0"/>
    <xf numFmtId="0" fontId="1" fillId="0" borderId="1" xfId="0" applyFont="1" applyBorder="1" applyAlignment="1">
      <alignment vertical="center" wrapText="1"/>
    </xf>
    <xf numFmtId="0" fontId="0" fillId="0" borderId="1" xfId="0" applyBorder="1"/>
    <xf numFmtId="0" fontId="1" fillId="0" borderId="1" xfId="0" applyFont="1" applyFill="1" applyBorder="1" applyAlignment="1">
      <alignment vertical="center" wrapText="1"/>
    </xf>
    <xf numFmtId="164" fontId="0" fillId="0" borderId="1" xfId="0" applyNumberFormat="1" applyBorder="1" applyAlignment="1">
      <alignment horizontal="right"/>
    </xf>
    <xf numFmtId="164" fontId="0" fillId="0" borderId="1" xfId="0" applyNumberFormat="1" applyBorder="1"/>
    <xf numFmtId="164" fontId="0" fillId="0" borderId="0" xfId="0" applyNumberFormat="1"/>
    <xf numFmtId="164" fontId="1" fillId="0" borderId="1" xfId="0" quotePrefix="1" applyNumberFormat="1" applyFont="1" applyBorder="1" applyAlignment="1">
      <alignment horizontal="right" vertical="center" wrapText="1"/>
    </xf>
    <xf numFmtId="164" fontId="1" fillId="0" borderId="1" xfId="0" applyNumberFormat="1" applyFont="1" applyBorder="1" applyAlignment="1">
      <alignment vertical="center" wrapText="1"/>
    </xf>
    <xf numFmtId="164" fontId="1" fillId="0" borderId="1" xfId="0" applyNumberFormat="1" applyFont="1" applyFill="1" applyBorder="1" applyAlignment="1">
      <alignment vertical="center" wrapText="1"/>
    </xf>
    <xf numFmtId="0" fontId="1" fillId="2" borderId="1" xfId="0" applyFont="1" applyFill="1" applyBorder="1" applyAlignment="1">
      <alignment horizontal="center" vertical="center" wrapText="1"/>
    </xf>
    <xf numFmtId="0" fontId="1" fillId="3" borderId="1" xfId="0" applyFont="1" applyFill="1" applyBorder="1" applyAlignment="1">
      <alignment horizontal="center" vertical="center" wrapText="1"/>
    </xf>
    <xf numFmtId="0" fontId="1" fillId="4" borderId="1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37"/>
  <sheetViews>
    <sheetView topLeftCell="A10" workbookViewId="0"/>
  </sheetViews>
  <sheetFormatPr defaultColWidth="61.5546875" defaultRowHeight="14.4" x14ac:dyDescent="0.3"/>
  <cols>
    <col min="1" max="1" width="35.77734375" customWidth="1"/>
    <col min="2" max="5" width="11.44140625" customWidth="1"/>
    <col min="6" max="6" width="9.77734375" customWidth="1"/>
    <col min="7" max="7" width="17.21875" bestFit="1" customWidth="1"/>
  </cols>
  <sheetData>
    <row r="1" spans="1:6" ht="41.4" x14ac:dyDescent="0.3">
      <c r="A1" s="10" t="s">
        <v>0</v>
      </c>
      <c r="B1" s="11" t="s">
        <v>24</v>
      </c>
      <c r="C1" s="11" t="s">
        <v>25</v>
      </c>
      <c r="D1" s="10" t="s">
        <v>26</v>
      </c>
      <c r="E1" s="10" t="s">
        <v>27</v>
      </c>
      <c r="F1" s="12" t="s">
        <v>20</v>
      </c>
    </row>
    <row r="2" spans="1:6" x14ac:dyDescent="0.3">
      <c r="A2" s="1" t="s">
        <v>12</v>
      </c>
      <c r="B2" s="7" t="s">
        <v>13</v>
      </c>
      <c r="C2" s="7" t="s">
        <v>13</v>
      </c>
      <c r="D2" s="7" t="s">
        <v>13</v>
      </c>
      <c r="E2" s="7" t="s">
        <v>13</v>
      </c>
      <c r="F2" s="2">
        <v>5897</v>
      </c>
    </row>
    <row r="3" spans="1:6" x14ac:dyDescent="0.3">
      <c r="A3" s="1" t="s">
        <v>1</v>
      </c>
      <c r="B3" s="7" t="s">
        <v>13</v>
      </c>
      <c r="C3" s="7" t="s">
        <v>13</v>
      </c>
      <c r="D3" s="7" t="s">
        <v>13</v>
      </c>
      <c r="E3" s="7" t="s">
        <v>13</v>
      </c>
      <c r="F3" s="2">
        <v>5940</v>
      </c>
    </row>
    <row r="4" spans="1:6" x14ac:dyDescent="0.3">
      <c r="A4" s="1" t="s">
        <v>11</v>
      </c>
      <c r="B4" s="8">
        <v>40.299999999999997</v>
      </c>
      <c r="C4" s="8">
        <v>41.3</v>
      </c>
      <c r="D4" s="5">
        <v>0</v>
      </c>
      <c r="E4" s="5">
        <v>0</v>
      </c>
      <c r="F4" s="2">
        <v>6042</v>
      </c>
    </row>
    <row r="5" spans="1:6" x14ac:dyDescent="0.3">
      <c r="A5" s="1" t="s">
        <v>34</v>
      </c>
      <c r="B5" s="8">
        <v>38.799999999999997</v>
      </c>
      <c r="C5" s="8">
        <v>39.799999999999997</v>
      </c>
      <c r="D5" s="5">
        <v>1.5</v>
      </c>
      <c r="E5" s="5">
        <v>1.5</v>
      </c>
      <c r="F5" s="2">
        <v>5703</v>
      </c>
    </row>
    <row r="6" spans="1:6" x14ac:dyDescent="0.3">
      <c r="A6" s="1" t="s">
        <v>10</v>
      </c>
      <c r="B6" s="8">
        <v>36.9</v>
      </c>
      <c r="C6" s="8">
        <v>37.9</v>
      </c>
      <c r="D6" s="5">
        <v>3.4</v>
      </c>
      <c r="E6" s="5">
        <v>3.4</v>
      </c>
      <c r="F6" s="3">
        <v>4774</v>
      </c>
    </row>
    <row r="7" spans="1:6" x14ac:dyDescent="0.3">
      <c r="A7" s="1" t="s">
        <v>35</v>
      </c>
      <c r="B7" s="8">
        <v>36.599999999999994</v>
      </c>
      <c r="C7" s="8">
        <v>37.599999999999994</v>
      </c>
      <c r="D7" s="5">
        <v>3.7</v>
      </c>
      <c r="E7" s="5">
        <v>3.7</v>
      </c>
      <c r="F7" s="3">
        <v>4926</v>
      </c>
    </row>
    <row r="8" spans="1:6" x14ac:dyDescent="0.3">
      <c r="A8" s="1" t="s">
        <v>36</v>
      </c>
      <c r="B8" s="8">
        <v>36.099999999999994</v>
      </c>
      <c r="C8" s="8">
        <v>37.099999999999994</v>
      </c>
      <c r="D8" s="5">
        <v>4.2</v>
      </c>
      <c r="E8" s="5">
        <v>4.2</v>
      </c>
      <c r="F8" s="3">
        <v>5238</v>
      </c>
    </row>
    <row r="9" spans="1:6" x14ac:dyDescent="0.3">
      <c r="A9" s="1" t="s">
        <v>37</v>
      </c>
      <c r="B9" s="8">
        <v>34.199999999999996</v>
      </c>
      <c r="C9" s="8">
        <v>34.099999999999994</v>
      </c>
      <c r="D9" s="5">
        <v>6.1</v>
      </c>
      <c r="E9" s="9">
        <v>7.2</v>
      </c>
      <c r="F9" s="3">
        <v>5465</v>
      </c>
    </row>
    <row r="10" spans="1:6" x14ac:dyDescent="0.3">
      <c r="A10" s="1" t="s">
        <v>9</v>
      </c>
      <c r="B10" s="8">
        <v>30.199999999999996</v>
      </c>
      <c r="C10" s="8">
        <v>30.199999999999996</v>
      </c>
      <c r="D10" s="8">
        <v>10.1</v>
      </c>
      <c r="E10" s="9">
        <v>11.1</v>
      </c>
      <c r="F10" s="3">
        <v>3444</v>
      </c>
    </row>
    <row r="11" spans="1:6" x14ac:dyDescent="0.3">
      <c r="A11" s="1" t="s">
        <v>8</v>
      </c>
      <c r="B11" s="8">
        <v>27.099999999999998</v>
      </c>
      <c r="C11" s="8">
        <v>27.099999999999998</v>
      </c>
      <c r="D11" s="5">
        <v>13.2</v>
      </c>
      <c r="E11" s="9">
        <v>14.2</v>
      </c>
      <c r="F11" s="3">
        <v>4134</v>
      </c>
    </row>
    <row r="12" spans="1:6" x14ac:dyDescent="0.3">
      <c r="A12" s="1" t="s">
        <v>38</v>
      </c>
      <c r="B12" s="8">
        <v>25.4</v>
      </c>
      <c r="C12" s="8">
        <v>25.4</v>
      </c>
      <c r="D12" s="5">
        <v>14.9</v>
      </c>
      <c r="E12" s="5">
        <v>15.9</v>
      </c>
      <c r="F12" s="3">
        <v>4300</v>
      </c>
    </row>
    <row r="13" spans="1:6" x14ac:dyDescent="0.3">
      <c r="A13" s="1" t="s">
        <v>7</v>
      </c>
      <c r="B13" s="8">
        <v>23.199999999999996</v>
      </c>
      <c r="C13" s="8">
        <v>23.199999999999996</v>
      </c>
      <c r="D13" s="5">
        <v>17.100000000000001</v>
      </c>
      <c r="E13" s="9">
        <v>18.100000000000001</v>
      </c>
      <c r="F13" s="3">
        <v>5440</v>
      </c>
    </row>
    <row r="14" spans="1:6" x14ac:dyDescent="0.3">
      <c r="A14" s="1" t="s">
        <v>6</v>
      </c>
      <c r="B14" s="8">
        <v>21.999999999999996</v>
      </c>
      <c r="C14" s="8">
        <v>21.999999999999996</v>
      </c>
      <c r="D14" s="5">
        <v>18.3</v>
      </c>
      <c r="E14" s="9">
        <v>19.3</v>
      </c>
      <c r="F14" s="3">
        <v>5635</v>
      </c>
    </row>
    <row r="15" spans="1:6" x14ac:dyDescent="0.3">
      <c r="A15" s="1" t="s">
        <v>14</v>
      </c>
      <c r="B15" s="8">
        <v>20.799999999999997</v>
      </c>
      <c r="C15" s="8">
        <v>20.799999999999997</v>
      </c>
      <c r="D15" s="5">
        <v>19.5</v>
      </c>
      <c r="E15" s="9">
        <v>20.5</v>
      </c>
      <c r="F15" s="3">
        <v>5802</v>
      </c>
    </row>
    <row r="16" spans="1:6" x14ac:dyDescent="0.3">
      <c r="A16" s="1" t="s">
        <v>33</v>
      </c>
      <c r="B16" s="8">
        <v>19.499999999999996</v>
      </c>
      <c r="C16" s="8">
        <v>19.499999999999996</v>
      </c>
      <c r="D16" s="5">
        <v>20.8</v>
      </c>
      <c r="E16" s="5">
        <v>21.8</v>
      </c>
      <c r="F16" s="2">
        <v>5457</v>
      </c>
    </row>
    <row r="17" spans="1:6" x14ac:dyDescent="0.3">
      <c r="A17" s="1" t="s">
        <v>15</v>
      </c>
      <c r="B17" s="8">
        <v>14.599999999999994</v>
      </c>
      <c r="C17" s="8">
        <v>14.599999999999994</v>
      </c>
      <c r="D17" s="5">
        <v>25.700000000000003</v>
      </c>
      <c r="E17" s="5">
        <v>26.700000000000003</v>
      </c>
      <c r="F17" s="2">
        <v>5460</v>
      </c>
    </row>
    <row r="18" spans="1:6" x14ac:dyDescent="0.3">
      <c r="A18" s="1" t="s">
        <v>5</v>
      </c>
      <c r="B18" s="8">
        <v>13.999999999999996</v>
      </c>
      <c r="C18" s="8">
        <v>13.999999999999996</v>
      </c>
      <c r="D18" s="5">
        <v>26.3</v>
      </c>
      <c r="E18" s="5">
        <v>27.3</v>
      </c>
      <c r="F18" s="2">
        <v>5856</v>
      </c>
    </row>
    <row r="19" spans="1:6" x14ac:dyDescent="0.3">
      <c r="A19" s="1" t="s">
        <v>16</v>
      </c>
      <c r="B19" s="8">
        <v>12.699999999999996</v>
      </c>
      <c r="C19" s="8">
        <v>12.699999999999996</v>
      </c>
      <c r="D19" s="5">
        <v>27.6</v>
      </c>
      <c r="E19" s="5">
        <v>28.6</v>
      </c>
      <c r="F19" s="2">
        <v>6779</v>
      </c>
    </row>
    <row r="20" spans="1:6" x14ac:dyDescent="0.3">
      <c r="A20" s="1" t="s">
        <v>17</v>
      </c>
      <c r="B20" s="8">
        <v>11.299999999999997</v>
      </c>
      <c r="C20" s="8">
        <v>11.299999999999997</v>
      </c>
      <c r="D20" s="5">
        <v>29</v>
      </c>
      <c r="E20" s="5">
        <v>30</v>
      </c>
      <c r="F20" s="2">
        <v>7330</v>
      </c>
    </row>
    <row r="21" spans="1:6" x14ac:dyDescent="0.3">
      <c r="A21" s="1" t="s">
        <v>39</v>
      </c>
      <c r="B21" s="8">
        <v>8.4999999999999964</v>
      </c>
      <c r="C21" s="8">
        <v>8.5</v>
      </c>
      <c r="D21" s="5">
        <v>31.8</v>
      </c>
      <c r="E21" s="5">
        <v>32.799999999999997</v>
      </c>
      <c r="F21" s="2">
        <v>5632</v>
      </c>
    </row>
    <row r="22" spans="1:6" x14ac:dyDescent="0.3">
      <c r="A22" s="1" t="s">
        <v>40</v>
      </c>
      <c r="B22" s="8">
        <v>7.5999999999999943</v>
      </c>
      <c r="C22" s="8">
        <v>7.5999999999999943</v>
      </c>
      <c r="D22" s="5">
        <v>32.700000000000003</v>
      </c>
      <c r="E22" s="5">
        <v>33.700000000000003</v>
      </c>
      <c r="F22" s="2">
        <v>5592</v>
      </c>
    </row>
    <row r="23" spans="1:6" x14ac:dyDescent="0.3">
      <c r="A23" s="1" t="s">
        <v>4</v>
      </c>
      <c r="B23" s="8">
        <v>6.0999999999999943</v>
      </c>
      <c r="C23" s="8">
        <v>6.0999999999999943</v>
      </c>
      <c r="D23" s="5">
        <v>34.200000000000003</v>
      </c>
      <c r="E23" s="5">
        <v>35.200000000000003</v>
      </c>
      <c r="F23" s="2">
        <v>5513</v>
      </c>
    </row>
    <row r="24" spans="1:6" x14ac:dyDescent="0.3">
      <c r="A24" s="1" t="s">
        <v>41</v>
      </c>
      <c r="B24" s="8">
        <v>3.6999999999999957</v>
      </c>
      <c r="C24" s="8">
        <v>3.6999999999999957</v>
      </c>
      <c r="D24" s="5">
        <v>36.6</v>
      </c>
      <c r="E24" s="5">
        <v>37.6</v>
      </c>
      <c r="F24" s="2">
        <v>5756</v>
      </c>
    </row>
    <row r="25" spans="1:6" x14ac:dyDescent="0.3">
      <c r="A25" s="1" t="s">
        <v>3</v>
      </c>
      <c r="B25" s="8">
        <v>2</v>
      </c>
      <c r="C25" s="8">
        <v>2</v>
      </c>
      <c r="D25" s="5">
        <v>38.299999999999997</v>
      </c>
      <c r="E25" s="5">
        <v>39.299999999999997</v>
      </c>
      <c r="F25" s="2">
        <v>4934</v>
      </c>
    </row>
    <row r="26" spans="1:6" x14ac:dyDescent="0.3">
      <c r="A26" s="1" t="s">
        <v>2</v>
      </c>
      <c r="B26" s="8">
        <v>1.3999999999999915</v>
      </c>
      <c r="C26" s="8">
        <v>1.3999999999999915</v>
      </c>
      <c r="D26" s="5">
        <v>38.900000000000006</v>
      </c>
      <c r="E26" s="5">
        <v>39.900000000000006</v>
      </c>
      <c r="F26" s="2">
        <v>5308</v>
      </c>
    </row>
    <row r="27" spans="1:6" x14ac:dyDescent="0.3">
      <c r="A27" s="1" t="s">
        <v>11</v>
      </c>
      <c r="B27" s="8">
        <v>0</v>
      </c>
      <c r="C27" s="8">
        <v>0</v>
      </c>
      <c r="D27" s="5">
        <v>40.299999999999997</v>
      </c>
      <c r="E27" s="5">
        <v>41.3</v>
      </c>
      <c r="F27" s="2">
        <v>6042</v>
      </c>
    </row>
    <row r="28" spans="1:6" x14ac:dyDescent="0.3">
      <c r="B28" s="6"/>
      <c r="C28" s="6"/>
      <c r="D28" s="6"/>
      <c r="E28" s="6"/>
    </row>
    <row r="29" spans="1:6" ht="41.4" x14ac:dyDescent="0.3">
      <c r="A29" s="10" t="s">
        <v>30</v>
      </c>
      <c r="B29" s="11" t="s">
        <v>24</v>
      </c>
      <c r="C29" s="11" t="s">
        <v>25</v>
      </c>
      <c r="D29" s="10" t="s">
        <v>26</v>
      </c>
      <c r="E29" s="10" t="s">
        <v>27</v>
      </c>
      <c r="F29" s="12" t="s">
        <v>20</v>
      </c>
    </row>
    <row r="30" spans="1:6" x14ac:dyDescent="0.3">
      <c r="A30" s="1" t="s">
        <v>38</v>
      </c>
      <c r="B30" s="8">
        <v>0</v>
      </c>
      <c r="C30" s="8">
        <v>0</v>
      </c>
      <c r="D30" s="8">
        <v>0</v>
      </c>
      <c r="E30" s="8">
        <v>0</v>
      </c>
      <c r="F30" s="3">
        <v>4300</v>
      </c>
    </row>
    <row r="31" spans="1:6" x14ac:dyDescent="0.3">
      <c r="A31" s="1" t="s">
        <v>29</v>
      </c>
      <c r="B31" s="8">
        <v>0.7</v>
      </c>
      <c r="C31" s="8">
        <v>0.4</v>
      </c>
      <c r="D31" s="8">
        <v>0.7</v>
      </c>
      <c r="E31" s="8">
        <v>0.4</v>
      </c>
      <c r="F31" s="2">
        <v>4269</v>
      </c>
    </row>
    <row r="32" spans="1:6" x14ac:dyDescent="0.3">
      <c r="A32" s="1" t="s">
        <v>38</v>
      </c>
      <c r="B32" s="8">
        <v>1.2</v>
      </c>
      <c r="C32" s="8">
        <v>1.2</v>
      </c>
      <c r="D32" s="8">
        <v>1.2</v>
      </c>
      <c r="E32" s="8">
        <v>1.2</v>
      </c>
      <c r="F32" s="3">
        <v>4300</v>
      </c>
    </row>
    <row r="34" spans="1:6" ht="41.4" x14ac:dyDescent="0.3">
      <c r="A34" s="10" t="s">
        <v>31</v>
      </c>
      <c r="B34" s="11" t="s">
        <v>24</v>
      </c>
      <c r="C34" s="11" t="s">
        <v>25</v>
      </c>
      <c r="D34" s="10" t="s">
        <v>26</v>
      </c>
      <c r="E34" s="10" t="s">
        <v>27</v>
      </c>
      <c r="F34" s="12" t="s">
        <v>20</v>
      </c>
    </row>
    <row r="35" spans="1:6" x14ac:dyDescent="0.3">
      <c r="A35" s="1" t="s">
        <v>39</v>
      </c>
      <c r="B35" s="8">
        <v>0</v>
      </c>
      <c r="C35" s="8">
        <v>0</v>
      </c>
      <c r="D35" s="8">
        <v>0</v>
      </c>
      <c r="E35" s="8">
        <v>0</v>
      </c>
      <c r="F35" s="3">
        <v>5632</v>
      </c>
    </row>
    <row r="36" spans="1:6" x14ac:dyDescent="0.3">
      <c r="A36" s="1" t="s">
        <v>18</v>
      </c>
      <c r="B36" s="8">
        <v>1.3</v>
      </c>
      <c r="C36" s="8">
        <v>1.3</v>
      </c>
      <c r="D36" s="8">
        <v>1.3</v>
      </c>
      <c r="E36" s="8">
        <v>1.3</v>
      </c>
      <c r="F36" s="2">
        <v>5037</v>
      </c>
    </row>
    <row r="37" spans="1:6" x14ac:dyDescent="0.3">
      <c r="A37" s="1" t="s">
        <v>39</v>
      </c>
      <c r="B37" s="8">
        <v>2.6</v>
      </c>
      <c r="C37" s="8">
        <v>2.6</v>
      </c>
      <c r="D37" s="8">
        <v>2.6</v>
      </c>
      <c r="E37" s="8">
        <v>2.6</v>
      </c>
      <c r="F37" s="3">
        <v>5632</v>
      </c>
    </row>
  </sheetData>
  <pageMargins left="0.7" right="0.7" top="0.95" bottom="0.52" header="0.15" footer="0.15"/>
  <pageSetup orientation="portrait" r:id="rId1"/>
  <headerFooter>
    <oddHeader>&amp;L&amp;G&amp;CTimberline Trail using Cutoff Trail</oddHeader>
    <oddFooter>&amp;C&amp;D&amp;RStatute Miles/Feet</oddFooter>
  </headerFooter>
  <legacyDrawingHF r:id="rId2"/>
  <webPublishItems count="2">
    <webPublishItem id="21718" divId="Mileage_Chart_21718" sourceType="range" sourceRef="A1:F36" destinationFile="F:\My Documents\Eyhike_Web_Pages\mt_hood\Mileage_Chart1.mht"/>
    <webPublishItem id="17823" divId="Mileage_Chart_17823" sourceType="range" sourceRef="B2:E36" destinationFile="F:\My Documents\Eyhike_Web_Pages\mt_hood\Mileage_Chart1.mht"/>
  </webPublishItem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37"/>
  <sheetViews>
    <sheetView tabSelected="1" workbookViewId="0">
      <selection activeCell="B5" sqref="B5"/>
    </sheetView>
  </sheetViews>
  <sheetFormatPr defaultRowHeight="14.4" x14ac:dyDescent="0.3"/>
  <cols>
    <col min="1" max="1" width="35.77734375" customWidth="1"/>
    <col min="2" max="5" width="11.44140625" customWidth="1"/>
    <col min="6" max="6" width="9.77734375" customWidth="1"/>
  </cols>
  <sheetData>
    <row r="1" spans="1:6" ht="41.4" x14ac:dyDescent="0.3">
      <c r="A1" s="10" t="s">
        <v>0</v>
      </c>
      <c r="B1" s="11" t="s">
        <v>21</v>
      </c>
      <c r="C1" s="11" t="s">
        <v>22</v>
      </c>
      <c r="D1" s="10" t="s">
        <v>23</v>
      </c>
      <c r="E1" s="10" t="s">
        <v>32</v>
      </c>
      <c r="F1" s="12" t="s">
        <v>19</v>
      </c>
    </row>
    <row r="2" spans="1:6" x14ac:dyDescent="0.3">
      <c r="A2" s="1" t="s">
        <v>12</v>
      </c>
      <c r="B2" s="4" t="s">
        <v>28</v>
      </c>
      <c r="C2" s="4" t="s">
        <v>28</v>
      </c>
      <c r="D2" s="4" t="s">
        <v>28</v>
      </c>
      <c r="E2" s="4" t="s">
        <v>28</v>
      </c>
      <c r="F2" s="2">
        <v>1797</v>
      </c>
    </row>
    <row r="3" spans="1:6" x14ac:dyDescent="0.3">
      <c r="A3" s="1" t="s">
        <v>1</v>
      </c>
      <c r="B3" s="4" t="s">
        <v>28</v>
      </c>
      <c r="C3" s="4" t="s">
        <v>28</v>
      </c>
      <c r="D3" s="4" t="s">
        <v>28</v>
      </c>
      <c r="E3" s="4" t="s">
        <v>28</v>
      </c>
      <c r="F3" s="2">
        <v>1811</v>
      </c>
    </row>
    <row r="4" spans="1:6" x14ac:dyDescent="0.3">
      <c r="A4" s="1" t="s">
        <v>11</v>
      </c>
      <c r="B4" s="5">
        <v>64.900000000000006</v>
      </c>
      <c r="C4" s="5">
        <v>66.5</v>
      </c>
      <c r="D4" s="5">
        <v>0</v>
      </c>
      <c r="E4" s="5">
        <v>0</v>
      </c>
      <c r="F4" s="2">
        <v>1842</v>
      </c>
    </row>
    <row r="5" spans="1:6" x14ac:dyDescent="0.3">
      <c r="A5" s="1" t="s">
        <v>34</v>
      </c>
      <c r="B5" s="5">
        <v>62.4</v>
      </c>
      <c r="C5" s="5">
        <v>64.099999999999994</v>
      </c>
      <c r="D5" s="5">
        <v>2.4</v>
      </c>
      <c r="E5" s="5">
        <v>2.4</v>
      </c>
      <c r="F5" s="2">
        <v>1738</v>
      </c>
    </row>
    <row r="6" spans="1:6" x14ac:dyDescent="0.3">
      <c r="A6" s="1" t="s">
        <v>10</v>
      </c>
      <c r="B6" s="5">
        <v>59.4</v>
      </c>
      <c r="C6" s="5">
        <v>61</v>
      </c>
      <c r="D6" s="5">
        <v>5.5</v>
      </c>
      <c r="E6" s="5">
        <v>5.5</v>
      </c>
      <c r="F6" s="2">
        <v>1455</v>
      </c>
    </row>
    <row r="7" spans="1:6" x14ac:dyDescent="0.3">
      <c r="A7" s="1" t="s">
        <v>35</v>
      </c>
      <c r="B7" s="5">
        <v>58.9</v>
      </c>
      <c r="C7" s="5">
        <v>60.5</v>
      </c>
      <c r="D7" s="5">
        <v>6</v>
      </c>
      <c r="E7" s="5">
        <v>6</v>
      </c>
      <c r="F7" s="2">
        <v>1501</v>
      </c>
    </row>
    <row r="8" spans="1:6" x14ac:dyDescent="0.3">
      <c r="A8" s="1" t="s">
        <v>36</v>
      </c>
      <c r="B8" s="5">
        <v>58.1</v>
      </c>
      <c r="C8" s="5">
        <v>59.7</v>
      </c>
      <c r="D8" s="5">
        <v>6.8</v>
      </c>
      <c r="E8" s="5">
        <v>6.8</v>
      </c>
      <c r="F8" s="2">
        <v>1597</v>
      </c>
    </row>
    <row r="9" spans="1:6" x14ac:dyDescent="0.3">
      <c r="A9" s="1" t="s">
        <v>37</v>
      </c>
      <c r="B9" s="5">
        <v>55</v>
      </c>
      <c r="C9" s="5">
        <v>54.9</v>
      </c>
      <c r="D9" s="5">
        <v>9.8000000000000007</v>
      </c>
      <c r="E9" s="5">
        <v>11.6</v>
      </c>
      <c r="F9" s="2">
        <v>1666</v>
      </c>
    </row>
    <row r="10" spans="1:6" x14ac:dyDescent="0.3">
      <c r="A10" s="1" t="s">
        <v>9</v>
      </c>
      <c r="B10" s="5">
        <v>48.6</v>
      </c>
      <c r="C10" s="5">
        <v>48.6</v>
      </c>
      <c r="D10" s="5">
        <v>16.3</v>
      </c>
      <c r="E10" s="5">
        <v>17.899999999999999</v>
      </c>
      <c r="F10" s="2">
        <v>1050</v>
      </c>
    </row>
    <row r="11" spans="1:6" x14ac:dyDescent="0.3">
      <c r="A11" s="1" t="s">
        <v>8</v>
      </c>
      <c r="B11" s="5">
        <v>43.6</v>
      </c>
      <c r="C11" s="5">
        <v>43.6</v>
      </c>
      <c r="D11" s="5">
        <v>21.2</v>
      </c>
      <c r="E11" s="5">
        <v>22.9</v>
      </c>
      <c r="F11" s="2">
        <v>1260</v>
      </c>
    </row>
    <row r="12" spans="1:6" x14ac:dyDescent="0.3">
      <c r="A12" s="1" t="s">
        <v>38</v>
      </c>
      <c r="B12" s="5">
        <v>40.9</v>
      </c>
      <c r="C12" s="5">
        <v>40.9</v>
      </c>
      <c r="D12" s="5">
        <v>24</v>
      </c>
      <c r="E12" s="5">
        <v>25.6</v>
      </c>
      <c r="F12" s="2">
        <v>1311</v>
      </c>
    </row>
    <row r="13" spans="1:6" x14ac:dyDescent="0.3">
      <c r="A13" s="1" t="s">
        <v>7</v>
      </c>
      <c r="B13" s="5">
        <v>37.299999999999997</v>
      </c>
      <c r="C13" s="5">
        <v>37.299999999999997</v>
      </c>
      <c r="D13" s="5">
        <v>27.5</v>
      </c>
      <c r="E13" s="5">
        <v>29.1</v>
      </c>
      <c r="F13" s="2">
        <v>1658</v>
      </c>
    </row>
    <row r="14" spans="1:6" x14ac:dyDescent="0.3">
      <c r="A14" s="1" t="s">
        <v>6</v>
      </c>
      <c r="B14" s="5">
        <v>35.4</v>
      </c>
      <c r="C14" s="5">
        <v>35.4</v>
      </c>
      <c r="D14" s="5">
        <v>29.5</v>
      </c>
      <c r="E14" s="5">
        <v>31.1</v>
      </c>
      <c r="F14" s="2">
        <v>1718</v>
      </c>
    </row>
    <row r="15" spans="1:6" x14ac:dyDescent="0.3">
      <c r="A15" s="1" t="s">
        <v>14</v>
      </c>
      <c r="B15" s="5">
        <v>33.5</v>
      </c>
      <c r="C15" s="5">
        <v>33.5</v>
      </c>
      <c r="D15" s="5">
        <v>31.4</v>
      </c>
      <c r="E15" s="5">
        <v>33</v>
      </c>
      <c r="F15" s="2">
        <v>1768</v>
      </c>
    </row>
    <row r="16" spans="1:6" x14ac:dyDescent="0.3">
      <c r="A16" s="1" t="s">
        <v>33</v>
      </c>
      <c r="B16" s="5">
        <v>31.4</v>
      </c>
      <c r="C16" s="5">
        <v>31.4</v>
      </c>
      <c r="D16" s="5">
        <v>33.5</v>
      </c>
      <c r="E16" s="5">
        <v>35.1</v>
      </c>
      <c r="F16" s="2">
        <v>1663</v>
      </c>
    </row>
    <row r="17" spans="1:6" x14ac:dyDescent="0.3">
      <c r="A17" s="1" t="s">
        <v>15</v>
      </c>
      <c r="B17" s="5">
        <v>23.5</v>
      </c>
      <c r="C17" s="5">
        <v>23.5</v>
      </c>
      <c r="D17" s="5">
        <v>41.4</v>
      </c>
      <c r="E17" s="5">
        <v>43</v>
      </c>
      <c r="F17" s="2">
        <v>1664</v>
      </c>
    </row>
    <row r="18" spans="1:6" x14ac:dyDescent="0.3">
      <c r="A18" s="1" t="s">
        <v>5</v>
      </c>
      <c r="B18" s="5">
        <v>22.5</v>
      </c>
      <c r="C18" s="5">
        <v>22.5</v>
      </c>
      <c r="D18" s="5">
        <v>42.3</v>
      </c>
      <c r="E18" s="5">
        <v>43.9</v>
      </c>
      <c r="F18" s="2">
        <v>1785</v>
      </c>
    </row>
    <row r="19" spans="1:6" x14ac:dyDescent="0.3">
      <c r="A19" s="1" t="s">
        <v>16</v>
      </c>
      <c r="B19" s="5">
        <v>20.399999999999999</v>
      </c>
      <c r="C19" s="5">
        <v>20.399999999999999</v>
      </c>
      <c r="D19" s="5">
        <v>44.4</v>
      </c>
      <c r="E19" s="5">
        <v>46</v>
      </c>
      <c r="F19" s="2">
        <v>2066</v>
      </c>
    </row>
    <row r="20" spans="1:6" x14ac:dyDescent="0.3">
      <c r="A20" s="1" t="s">
        <v>17</v>
      </c>
      <c r="B20" s="5">
        <v>18.2</v>
      </c>
      <c r="C20" s="5">
        <v>18.2</v>
      </c>
      <c r="D20" s="5">
        <v>46.7</v>
      </c>
      <c r="E20" s="5">
        <v>48.3</v>
      </c>
      <c r="F20" s="2">
        <v>2234</v>
      </c>
    </row>
    <row r="21" spans="1:6" x14ac:dyDescent="0.3">
      <c r="A21" s="1" t="s">
        <v>39</v>
      </c>
      <c r="B21" s="5">
        <v>13.7</v>
      </c>
      <c r="C21" s="5">
        <v>13.7</v>
      </c>
      <c r="D21" s="5">
        <v>51.2</v>
      </c>
      <c r="E21" s="5">
        <v>52.8</v>
      </c>
      <c r="F21" s="2">
        <v>1717</v>
      </c>
    </row>
    <row r="22" spans="1:6" x14ac:dyDescent="0.3">
      <c r="A22" s="1" t="s">
        <v>40</v>
      </c>
      <c r="B22" s="5">
        <v>12.2</v>
      </c>
      <c r="C22" s="5">
        <v>12.2</v>
      </c>
      <c r="D22" s="5">
        <v>52.6</v>
      </c>
      <c r="E22" s="5">
        <v>54.2</v>
      </c>
      <c r="F22" s="2">
        <v>1704</v>
      </c>
    </row>
    <row r="23" spans="1:6" x14ac:dyDescent="0.3">
      <c r="A23" s="1" t="s">
        <v>4</v>
      </c>
      <c r="B23" s="5">
        <v>9.8000000000000007</v>
      </c>
      <c r="C23" s="5">
        <v>9.8000000000000007</v>
      </c>
      <c r="D23" s="5">
        <v>55</v>
      </c>
      <c r="E23" s="5">
        <v>56.6</v>
      </c>
      <c r="F23" s="2">
        <v>1680</v>
      </c>
    </row>
    <row r="24" spans="1:6" x14ac:dyDescent="0.3">
      <c r="A24" s="1" t="s">
        <v>41</v>
      </c>
      <c r="B24" s="5">
        <v>6</v>
      </c>
      <c r="C24" s="5">
        <v>6</v>
      </c>
      <c r="D24" s="5">
        <v>58.9</v>
      </c>
      <c r="E24" s="5">
        <v>60.5</v>
      </c>
      <c r="F24" s="2">
        <v>1754</v>
      </c>
    </row>
    <row r="25" spans="1:6" x14ac:dyDescent="0.3">
      <c r="A25" s="1" t="s">
        <v>3</v>
      </c>
      <c r="B25" s="5">
        <v>3.2</v>
      </c>
      <c r="C25" s="5">
        <v>3.2</v>
      </c>
      <c r="D25" s="5">
        <v>61.6</v>
      </c>
      <c r="E25" s="5">
        <v>63.2</v>
      </c>
      <c r="F25" s="2">
        <v>1504</v>
      </c>
    </row>
    <row r="26" spans="1:6" x14ac:dyDescent="0.3">
      <c r="A26" s="1" t="s">
        <v>2</v>
      </c>
      <c r="B26" s="5">
        <v>2.2999999999999998</v>
      </c>
      <c r="C26" s="5">
        <v>2.2999999999999998</v>
      </c>
      <c r="D26" s="5">
        <v>62.6</v>
      </c>
      <c r="E26" s="5">
        <v>64.2</v>
      </c>
      <c r="F26" s="2">
        <v>1618</v>
      </c>
    </row>
    <row r="27" spans="1:6" x14ac:dyDescent="0.3">
      <c r="A27" s="1" t="s">
        <v>11</v>
      </c>
      <c r="B27" s="5">
        <v>0</v>
      </c>
      <c r="C27" s="5">
        <v>0</v>
      </c>
      <c r="D27" s="5">
        <v>64.900000000000006</v>
      </c>
      <c r="E27" s="5">
        <v>66.5</v>
      </c>
      <c r="F27" s="2">
        <v>1842</v>
      </c>
    </row>
    <row r="28" spans="1:6" x14ac:dyDescent="0.3">
      <c r="B28" s="6"/>
      <c r="C28" s="6"/>
      <c r="D28" s="6"/>
      <c r="E28" s="6"/>
    </row>
    <row r="29" spans="1:6" ht="41.4" x14ac:dyDescent="0.3">
      <c r="A29" s="10" t="s">
        <v>30</v>
      </c>
      <c r="B29" s="11" t="s">
        <v>24</v>
      </c>
      <c r="C29" s="11" t="s">
        <v>25</v>
      </c>
      <c r="D29" s="10" t="s">
        <v>26</v>
      </c>
      <c r="E29" s="10" t="s">
        <v>27</v>
      </c>
      <c r="F29" s="12" t="s">
        <v>20</v>
      </c>
    </row>
    <row r="30" spans="1:6" x14ac:dyDescent="0.3">
      <c r="A30" s="1" t="s">
        <v>38</v>
      </c>
      <c r="B30" s="8">
        <v>0</v>
      </c>
      <c r="C30" s="8">
        <v>0</v>
      </c>
      <c r="D30" s="8">
        <v>0</v>
      </c>
      <c r="E30" s="8">
        <v>0</v>
      </c>
      <c r="F30" s="3">
        <v>4300</v>
      </c>
    </row>
    <row r="31" spans="1:6" x14ac:dyDescent="0.3">
      <c r="A31" s="1" t="s">
        <v>29</v>
      </c>
      <c r="B31" s="8">
        <v>1.1000000000000001</v>
      </c>
      <c r="C31" s="8">
        <v>0.6</v>
      </c>
      <c r="D31" s="8">
        <v>1.1000000000000001</v>
      </c>
      <c r="E31" s="8">
        <v>0.6</v>
      </c>
      <c r="F31" s="2">
        <v>4269</v>
      </c>
    </row>
    <row r="32" spans="1:6" x14ac:dyDescent="0.3">
      <c r="A32" s="1" t="s">
        <v>38</v>
      </c>
      <c r="B32" s="8">
        <v>1.9</v>
      </c>
      <c r="C32" s="8">
        <v>1.9</v>
      </c>
      <c r="D32" s="8">
        <v>1.9</v>
      </c>
      <c r="E32" s="8">
        <v>1.9</v>
      </c>
      <c r="F32" s="3">
        <v>4300</v>
      </c>
    </row>
    <row r="34" spans="1:6" ht="41.4" x14ac:dyDescent="0.3">
      <c r="A34" s="10" t="s">
        <v>31</v>
      </c>
      <c r="B34" s="11" t="s">
        <v>24</v>
      </c>
      <c r="C34" s="11" t="s">
        <v>25</v>
      </c>
      <c r="D34" s="10" t="s">
        <v>26</v>
      </c>
      <c r="E34" s="10" t="s">
        <v>27</v>
      </c>
      <c r="F34" s="12" t="s">
        <v>20</v>
      </c>
    </row>
    <row r="35" spans="1:6" x14ac:dyDescent="0.3">
      <c r="A35" s="1" t="s">
        <v>39</v>
      </c>
      <c r="B35" s="8">
        <v>0</v>
      </c>
      <c r="C35" s="8">
        <v>0</v>
      </c>
      <c r="D35" s="8">
        <v>0</v>
      </c>
      <c r="E35" s="8">
        <v>0</v>
      </c>
      <c r="F35" s="3">
        <v>5632</v>
      </c>
    </row>
    <row r="36" spans="1:6" x14ac:dyDescent="0.3">
      <c r="A36" s="1" t="s">
        <v>18</v>
      </c>
      <c r="B36" s="8">
        <v>2.1</v>
      </c>
      <c r="C36" s="8">
        <v>2.1</v>
      </c>
      <c r="D36" s="8">
        <v>2.1</v>
      </c>
      <c r="E36" s="8">
        <v>2.1</v>
      </c>
      <c r="F36" s="2">
        <v>5037</v>
      </c>
    </row>
    <row r="37" spans="1:6" x14ac:dyDescent="0.3">
      <c r="A37" s="1" t="s">
        <v>39</v>
      </c>
      <c r="B37" s="8">
        <v>4.2</v>
      </c>
      <c r="C37" s="8">
        <v>4.2</v>
      </c>
      <c r="D37" s="8">
        <v>4.2</v>
      </c>
      <c r="E37" s="8">
        <v>4.2</v>
      </c>
      <c r="F37" s="3">
        <v>5632</v>
      </c>
    </row>
  </sheetData>
  <pageMargins left="0.7" right="0.7" top="0.95" bottom="0.56000000000000005" header="0.15" footer="0.15"/>
  <pageSetup orientation="portrait" r:id="rId1"/>
  <headerFooter>
    <oddHeader>&amp;L&amp;G&amp;CTimberline Trail using Cutoff Trail</oddHeader>
    <oddFooter>&amp;C&amp;D&amp;RKilometers/Meters</oddFooter>
  </headerFooter>
  <legacyDrawingHF r:id="rId2"/>
  <webPublishItems count="1">
    <webPublishItem id="24230" divId="Mileage_Chart_24230" sourceType="range" sourceRef="A1:F35" destinationFile="F:\My Documents\Eyhike_Web_Pages\mt_hood\Mileage_Chart2.mht"/>
  </webPublishItem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Miles</vt:lpstr>
      <vt:lpstr>Kilometer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imberline Trail Mileage</dc:title>
  <dc:subject>Route Planning</dc:subject>
  <dc:creator>Steve Jones</dc:creator>
  <cp:keywords>Timberline backpacking</cp:keywords>
  <dc:description>Thanks for using Eyehike</dc:description>
  <cp:lastModifiedBy>Steve Jones</cp:lastModifiedBy>
  <cp:lastPrinted>2018-11-08T20:18:10Z</cp:lastPrinted>
  <dcterms:created xsi:type="dcterms:W3CDTF">2018-11-04T17:45:48Z</dcterms:created>
  <dcterms:modified xsi:type="dcterms:W3CDTF">2018-11-09T18:35:46Z</dcterms:modified>
</cp:coreProperties>
</file>